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200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348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49AAFD0-1E3F-4116-9C3E-E851FC4D0A6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FDFF840-6E2A-46AD-9B1B-071BC94B5DF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D9576C2-9FAE-4001-931D-2C46DC42B8C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700" y="5143500"/>
            <a:ext cx="101727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5986A0EF-B1A9-461C-9E9F-10002E93914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5346700"/>
            <a:ext cx="12954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ECB5192A-050F-47B7-890C-F6D375902A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406656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7C8EE3A8-1272-4218-8EEC-AF25C8C2431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262813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F1212E9-FA8C-41E0-B597-248D2592EF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19200" y="51774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8998D99-0A9C-4BBE-A07A-B8FF0C9DFD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760810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DEA18D0-3504-4F73-B1A9-AD82EFF13CF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302420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485A0629-C63C-40B2-9CD9-3FFFEBAA1DCB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219200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B7D71BC6-5596-4A8B-81EA-347C23C7825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844029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cxnSp>
        <p:nvCxnSpPr>
          <p:cNvPr id="119" name="OTLSHAPE_TB_00000000000000000000000000000000_Separator1">
            <a:extLst>
              <a:ext uri="{FF2B5EF4-FFF2-40B4-BE49-F238E27FC236}">
                <a16:creationId xmlns:a16="http://schemas.microsoft.com/office/drawing/2014/main" id="{5EC2CD1B-B2D8-4691-8C31-697CE661444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697305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Separator2">
            <a:extLst>
              <a:ext uri="{FF2B5EF4-FFF2-40B4-BE49-F238E27FC236}">
                <a16:creationId xmlns:a16="http://schemas.microsoft.com/office/drawing/2014/main" id="{D52D8C29-F614-4B3C-B59B-B26275DF3BB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238915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3">
            <a:extLst>
              <a:ext uri="{FF2B5EF4-FFF2-40B4-BE49-F238E27FC236}">
                <a16:creationId xmlns:a16="http://schemas.microsoft.com/office/drawing/2014/main" id="{79C420EB-8A9C-43F4-B508-54302BE049B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780525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T_ebce1c56c7624ff68daa044839602265_Shape">
            <a:extLst>
              <a:ext uri="{FF2B5EF4-FFF2-40B4-BE49-F238E27FC236}">
                <a16:creationId xmlns:a16="http://schemas.microsoft.com/office/drawing/2014/main" id="{77D6FD8D-3A83-4078-BD1D-C3827A4CEC5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55700" y="3534050"/>
            <a:ext cx="1816100" cy="155025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T_9897534a0ea244ebbeaf414dbad95792_Shape">
            <a:extLst>
              <a:ext uri="{FF2B5EF4-FFF2-40B4-BE49-F238E27FC236}">
                <a16:creationId xmlns:a16="http://schemas.microsoft.com/office/drawing/2014/main" id="{54E17206-023F-4512-B7B1-6527644F839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608048" y="3768090"/>
            <a:ext cx="29083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T_d1007b34047c49478aadbda64c310a6e_Shape">
            <a:extLst>
              <a:ext uri="{FF2B5EF4-FFF2-40B4-BE49-F238E27FC236}">
                <a16:creationId xmlns:a16="http://schemas.microsoft.com/office/drawing/2014/main" id="{D1FE7C62-405B-4750-9217-FDA22C73C2F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238920" y="4034790"/>
            <a:ext cx="18161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93ee150c9d7b4ee0b81d772d821bf80b_Shape">
            <a:extLst>
              <a:ext uri="{FF2B5EF4-FFF2-40B4-BE49-F238E27FC236}">
                <a16:creationId xmlns:a16="http://schemas.microsoft.com/office/drawing/2014/main" id="{E2A39B35-3A89-482E-9808-26E2D738139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238920" y="4301490"/>
            <a:ext cx="7366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T_555632f4d8784e8cb8b4fc9dadccab8e_Shape">
            <a:extLst>
              <a:ext uri="{FF2B5EF4-FFF2-40B4-BE49-F238E27FC236}">
                <a16:creationId xmlns:a16="http://schemas.microsoft.com/office/drawing/2014/main" id="{0E0078D1-F195-42FD-BD5E-ADA9208D097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965093" y="4652645"/>
            <a:ext cx="32766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ebce1c56c7624ff68daa044839602265_ShapePercentage" hidden="1">
            <a:extLst>
              <a:ext uri="{FF2B5EF4-FFF2-40B4-BE49-F238E27FC236}">
                <a16:creationId xmlns:a16="http://schemas.microsoft.com/office/drawing/2014/main" id="{AD692C94-96AD-4587-BF46-0BEED77FF79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5700" y="353405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9897534a0ea244ebbeaf414dbad95792_ShapePercentage" hidden="1">
            <a:extLst>
              <a:ext uri="{FF2B5EF4-FFF2-40B4-BE49-F238E27FC236}">
                <a16:creationId xmlns:a16="http://schemas.microsoft.com/office/drawing/2014/main" id="{AA750730-2B14-4E29-BAB7-2E70D49B285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08048" y="376809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_d1007b34047c49478aadbda64c310a6e_ShapePercentage" hidden="1">
            <a:extLst>
              <a:ext uri="{FF2B5EF4-FFF2-40B4-BE49-F238E27FC236}">
                <a16:creationId xmlns:a16="http://schemas.microsoft.com/office/drawing/2014/main" id="{50437FE6-EF39-4D55-BF03-082FF8E421A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238920" y="403479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93ee150c9d7b4ee0b81d772d821bf80b_ShapePercentage" hidden="1">
            <a:extLst>
              <a:ext uri="{FF2B5EF4-FFF2-40B4-BE49-F238E27FC236}">
                <a16:creationId xmlns:a16="http://schemas.microsoft.com/office/drawing/2014/main" id="{3165D4D3-5354-438B-9BC6-38770F29641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238920" y="430149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555632f4d8784e8cb8b4fc9dadccab8e_ShapePercentage" hidden="1">
            <a:extLst>
              <a:ext uri="{FF2B5EF4-FFF2-40B4-BE49-F238E27FC236}">
                <a16:creationId xmlns:a16="http://schemas.microsoft.com/office/drawing/2014/main" id="{6F3B2CE4-50FF-4E4F-9DE6-36CFE085521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965093" y="465264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ebce1c56c7624ff68daa044839602265_Duration">
            <a:extLst>
              <a:ext uri="{FF2B5EF4-FFF2-40B4-BE49-F238E27FC236}">
                <a16:creationId xmlns:a16="http://schemas.microsoft.com/office/drawing/2014/main" id="{79B20902-CFE5-4053-97DC-2252A69FFFE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901176" y="35340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4" name="OTLSHAPE_T_ebce1c56c7624ff68daa044839602265_TextPercentage" hidden="1">
            <a:extLst>
              <a:ext uri="{FF2B5EF4-FFF2-40B4-BE49-F238E27FC236}">
                <a16:creationId xmlns:a16="http://schemas.microsoft.com/office/drawing/2014/main" id="{016B52B8-4E1A-41D8-AB9F-08379400DA9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ebce1c56c7624ff68daa044839602265_StartDate" hidden="1">
            <a:extLst>
              <a:ext uri="{FF2B5EF4-FFF2-40B4-BE49-F238E27FC236}">
                <a16:creationId xmlns:a16="http://schemas.microsoft.com/office/drawing/2014/main" id="{AE68681D-0F1D-4984-AFCF-403F079F699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ebce1c56c7624ff68daa044839602265_EndDate" hidden="1">
            <a:extLst>
              <a:ext uri="{FF2B5EF4-FFF2-40B4-BE49-F238E27FC236}">
                <a16:creationId xmlns:a16="http://schemas.microsoft.com/office/drawing/2014/main" id="{89358240-58A7-4FBB-BB08-0CF2535213B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ebce1c56c7624ff68daa044839602265_JoinedDate">
            <a:extLst>
              <a:ext uri="{FF2B5EF4-FFF2-40B4-BE49-F238E27FC236}">
                <a16:creationId xmlns:a16="http://schemas.microsoft.com/office/drawing/2014/main" id="{4394A752-089C-4B59-A471-8DEB923F79F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66277" y="353405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18</a:t>
            </a:r>
          </a:p>
        </p:txBody>
      </p:sp>
      <p:sp>
        <p:nvSpPr>
          <p:cNvPr id="28" name="OTLSHAPE_T_ebce1c56c7624ff68daa044839602265_Title">
            <a:extLst>
              <a:ext uri="{FF2B5EF4-FFF2-40B4-BE49-F238E27FC236}">
                <a16:creationId xmlns:a16="http://schemas.microsoft.com/office/drawing/2014/main" id="{DCA3CF58-686C-4926-A622-D283E8A9637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021683" y="3518535"/>
            <a:ext cx="257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">
                <a:solidFill>
                  <a:schemeClr val="dk1"/>
                </a:solidFill>
                <a:latin typeface="Calibri" panose="020F0502020204030204" pitchFamily="34" charset="0"/>
              </a:rPr>
              <a:t>Literature research &amp; lit. review skeleton</a:t>
            </a:r>
            <a:endParaRPr lang="en-US" sz="12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9897534a0ea244ebbeaf414dbad95792_TextPercentage" hidden="1">
            <a:extLst>
              <a:ext uri="{FF2B5EF4-FFF2-40B4-BE49-F238E27FC236}">
                <a16:creationId xmlns:a16="http://schemas.microsoft.com/office/drawing/2014/main" id="{C69BCF93-CCA3-4C36-AE53-75FCEB06BF4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9897534a0ea244ebbeaf414dbad95792_StartDate" hidden="1">
            <a:extLst>
              <a:ext uri="{FF2B5EF4-FFF2-40B4-BE49-F238E27FC236}">
                <a16:creationId xmlns:a16="http://schemas.microsoft.com/office/drawing/2014/main" id="{1940219B-EB2A-4278-9671-7E6E689ABB7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9897534a0ea244ebbeaf414dbad95792_EndDate" hidden="1">
            <a:extLst>
              <a:ext uri="{FF2B5EF4-FFF2-40B4-BE49-F238E27FC236}">
                <a16:creationId xmlns:a16="http://schemas.microsoft.com/office/drawing/2014/main" id="{9FBB39A1-F98B-4085-AF4B-F397690189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9897534a0ea244ebbeaf414dbad95792_JoinedDate">
            <a:extLst>
              <a:ext uri="{FF2B5EF4-FFF2-40B4-BE49-F238E27FC236}">
                <a16:creationId xmlns:a16="http://schemas.microsoft.com/office/drawing/2014/main" id="{6C604C9D-CC47-4C99-83E3-81AAE02F829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718625" y="379217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8 - Mar 25</a:t>
            </a:r>
          </a:p>
        </p:txBody>
      </p:sp>
      <p:sp>
        <p:nvSpPr>
          <p:cNvPr id="96" name="OTLSHAPE_T_9897534a0ea244ebbeaf414dbad95792_Duration">
            <a:extLst>
              <a:ext uri="{FF2B5EF4-FFF2-40B4-BE49-F238E27FC236}">
                <a16:creationId xmlns:a16="http://schemas.microsoft.com/office/drawing/2014/main" id="{37A1E4EE-FE48-4CE0-8DB8-1FF7B20AFF9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898155" y="379217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7" name="OTLSHAPE_T_9897534a0ea244ebbeaf414dbad95792_Title">
            <a:extLst>
              <a:ext uri="{FF2B5EF4-FFF2-40B4-BE49-F238E27FC236}">
                <a16:creationId xmlns:a16="http://schemas.microsoft.com/office/drawing/2014/main" id="{989B001E-0EE0-4021-B28F-7CF371705C4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563293" y="3776663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Literature review draft</a:t>
            </a:r>
          </a:p>
        </p:txBody>
      </p:sp>
      <p:sp>
        <p:nvSpPr>
          <p:cNvPr id="100" name="OTLSHAPE_T_d1007b34047c49478aadbda64c310a6e_TextPercentage" hidden="1">
            <a:extLst>
              <a:ext uri="{FF2B5EF4-FFF2-40B4-BE49-F238E27FC236}">
                <a16:creationId xmlns:a16="http://schemas.microsoft.com/office/drawing/2014/main" id="{9AC51188-53A2-4B7E-B2D8-C259EEFAEEE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d1007b34047c49478aadbda64c310a6e_StartDate" hidden="1">
            <a:extLst>
              <a:ext uri="{FF2B5EF4-FFF2-40B4-BE49-F238E27FC236}">
                <a16:creationId xmlns:a16="http://schemas.microsoft.com/office/drawing/2014/main" id="{C3A66295-9DCC-465C-8026-82243067BE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d1007b34047c49478aadbda64c310a6e_EndDate" hidden="1">
            <a:extLst>
              <a:ext uri="{FF2B5EF4-FFF2-40B4-BE49-F238E27FC236}">
                <a16:creationId xmlns:a16="http://schemas.microsoft.com/office/drawing/2014/main" id="{9B33C46F-918E-4418-B0CC-47B5B5BDC91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d1007b34047c49478aadbda64c310a6e_JoinedDate">
            <a:extLst>
              <a:ext uri="{FF2B5EF4-FFF2-40B4-BE49-F238E27FC236}">
                <a16:creationId xmlns:a16="http://schemas.microsoft.com/office/drawing/2014/main" id="{A54EDC64-3583-44CE-B335-351389E5C99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443095" y="405887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8 - Apr 1</a:t>
            </a:r>
          </a:p>
        </p:txBody>
      </p:sp>
      <p:sp>
        <p:nvSpPr>
          <p:cNvPr id="104" name="OTLSHAPE_T_d1007b34047c49478aadbda64c310a6e_Duration">
            <a:extLst>
              <a:ext uri="{FF2B5EF4-FFF2-40B4-BE49-F238E27FC236}">
                <a16:creationId xmlns:a16="http://schemas.microsoft.com/office/drawing/2014/main" id="{A0D5E852-2946-434E-B49A-0A10DA2B9AB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984395" y="405887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5" name="OTLSHAPE_T_d1007b34047c49478aadbda64c310a6e_Title">
            <a:extLst>
              <a:ext uri="{FF2B5EF4-FFF2-40B4-BE49-F238E27FC236}">
                <a16:creationId xmlns:a16="http://schemas.microsoft.com/office/drawing/2014/main" id="{95529A61-A4E8-46EE-B990-C130B16531F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104903" y="4043363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al literature review</a:t>
            </a:r>
          </a:p>
        </p:txBody>
      </p:sp>
      <p:sp>
        <p:nvSpPr>
          <p:cNvPr id="116" name="OTLSHAPE_T_93ee150c9d7b4ee0b81d772d821bf80b_TextPercentage" hidden="1">
            <a:extLst>
              <a:ext uri="{FF2B5EF4-FFF2-40B4-BE49-F238E27FC236}">
                <a16:creationId xmlns:a16="http://schemas.microsoft.com/office/drawing/2014/main" id="{DE9809FD-9C8C-47B3-B5C8-5D1C4CBC162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93ee150c9d7b4ee0b81d772d821bf80b_StartDate" hidden="1">
            <a:extLst>
              <a:ext uri="{FF2B5EF4-FFF2-40B4-BE49-F238E27FC236}">
                <a16:creationId xmlns:a16="http://schemas.microsoft.com/office/drawing/2014/main" id="{723376C9-293D-4F8A-BD0C-46AC13FA4FD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93ee150c9d7b4ee0b81d772d821bf80b_EndDate" hidden="1">
            <a:extLst>
              <a:ext uri="{FF2B5EF4-FFF2-40B4-BE49-F238E27FC236}">
                <a16:creationId xmlns:a16="http://schemas.microsoft.com/office/drawing/2014/main" id="{68E1C49B-B5B4-4A51-B130-FA54E35151A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93ee150c9d7b4ee0b81d772d821bf80b_JoinedDate">
            <a:extLst>
              <a:ext uri="{FF2B5EF4-FFF2-40B4-BE49-F238E27FC236}">
                <a16:creationId xmlns:a16="http://schemas.microsoft.com/office/drawing/2014/main" id="{66342D9B-21D6-4DB6-9FDE-358C814D464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349496" y="432557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8 - Mar 29</a:t>
            </a:r>
          </a:p>
        </p:txBody>
      </p:sp>
      <p:sp>
        <p:nvSpPr>
          <p:cNvPr id="122" name="OTLSHAPE_T_93ee150c9d7b4ee0b81d772d821bf80b_Duration">
            <a:extLst>
              <a:ext uri="{FF2B5EF4-FFF2-40B4-BE49-F238E27FC236}">
                <a16:creationId xmlns:a16="http://schemas.microsoft.com/office/drawing/2014/main" id="{EC2A865C-CE7D-4F24-9B6D-4C8098F314F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439765" y="432557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23" name="OTLSHAPE_T_93ee150c9d7b4ee0b81d772d821bf80b_Title">
            <a:extLst>
              <a:ext uri="{FF2B5EF4-FFF2-40B4-BE49-F238E27FC236}">
                <a16:creationId xmlns:a16="http://schemas.microsoft.com/office/drawing/2014/main" id="{08CE5D99-898A-430B-B69F-283721785AF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015642" y="4310063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d example RRBS data set</a:t>
            </a:r>
          </a:p>
        </p:txBody>
      </p:sp>
      <p:sp>
        <p:nvSpPr>
          <p:cNvPr id="126" name="OTLSHAPE_T_555632f4d8784e8cb8b4fc9dadccab8e_TextPercentage" hidden="1">
            <a:extLst>
              <a:ext uri="{FF2B5EF4-FFF2-40B4-BE49-F238E27FC236}">
                <a16:creationId xmlns:a16="http://schemas.microsoft.com/office/drawing/2014/main" id="{88E607DE-06F6-40F2-976C-F6A71BFF9A8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55632f4d8784e8cb8b4fc9dadccab8e_StartDate" hidden="1">
            <a:extLst>
              <a:ext uri="{FF2B5EF4-FFF2-40B4-BE49-F238E27FC236}">
                <a16:creationId xmlns:a16="http://schemas.microsoft.com/office/drawing/2014/main" id="{B5C4E716-58FC-4E34-95B9-14FD8ECA13A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555632f4d8784e8cb8b4fc9dadccab8e_EndDate" hidden="1">
            <a:extLst>
              <a:ext uri="{FF2B5EF4-FFF2-40B4-BE49-F238E27FC236}">
                <a16:creationId xmlns:a16="http://schemas.microsoft.com/office/drawing/2014/main" id="{2B48059A-EFDD-4407-813F-8C0755AE623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555632f4d8784e8cb8b4fc9dadccab8e_JoinedDate">
            <a:extLst>
              <a:ext uri="{FF2B5EF4-FFF2-40B4-BE49-F238E27FC236}">
                <a16:creationId xmlns:a16="http://schemas.microsoft.com/office/drawing/2014/main" id="{D1E08990-7D5F-4454-967F-F5735FD6C9F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169269" y="467673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30 - Apr 7</a:t>
            </a:r>
          </a:p>
        </p:txBody>
      </p:sp>
      <p:sp>
        <p:nvSpPr>
          <p:cNvPr id="130" name="OTLSHAPE_T_555632f4d8784e8cb8b4fc9dadccab8e_Title">
            <a:extLst>
              <a:ext uri="{FF2B5EF4-FFF2-40B4-BE49-F238E27FC236}">
                <a16:creationId xmlns:a16="http://schemas.microsoft.com/office/drawing/2014/main" id="{6EE04C35-134D-4F17-8C5D-DA6E5E2E8DB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283426" y="4568190"/>
            <a:ext cx="1676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 different classifiers and test on data</a:t>
            </a:r>
          </a:p>
        </p:txBody>
      </p:sp>
      <p:sp>
        <p:nvSpPr>
          <p:cNvPr id="131" name="OTLSHAPE_T_555632f4d8784e8cb8b4fc9dadccab8e_Duration">
            <a:extLst>
              <a:ext uri="{FF2B5EF4-FFF2-40B4-BE49-F238E27FC236}">
                <a16:creationId xmlns:a16="http://schemas.microsoft.com/office/drawing/2014/main" id="{A3DFFF55-24D6-4A8D-A92F-6D46F8DC91D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436744" y="467673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DF9542C-C24A-401E-8EFE-D80C0A7F0607}"/>
              </a:ext>
            </a:extLst>
          </p:cNvPr>
          <p:cNvSpPr txBox="1"/>
          <p:nvPr/>
        </p:nvSpPr>
        <p:spPr>
          <a:xfrm>
            <a:off x="4190544" y="1549400"/>
            <a:ext cx="473514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2000" b="1" dirty="0" err="1"/>
              <a:t>MSc</a:t>
            </a:r>
            <a:r>
              <a:rPr lang="de-DE" sz="2000" b="1" dirty="0"/>
              <a:t> Research Project - Plan </a:t>
            </a:r>
            <a:r>
              <a:rPr lang="de-DE" sz="2000" b="1" dirty="0" err="1"/>
              <a:t>for</a:t>
            </a:r>
            <a:r>
              <a:rPr lang="de-DE" sz="2000" b="1" dirty="0"/>
              <a:t> </a:t>
            </a:r>
            <a:r>
              <a:rPr lang="de-DE" sz="2000" b="1" dirty="0" err="1"/>
              <a:t>first</a:t>
            </a:r>
            <a:r>
              <a:rPr lang="de-DE" sz="2000" b="1" dirty="0"/>
              <a:t> </a:t>
            </a:r>
            <a:r>
              <a:rPr lang="de-DE" sz="2000" b="1" dirty="0" err="1"/>
              <a:t>month</a:t>
            </a:r>
            <a:endParaRPr lang="en-US" sz="2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4240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NDIuNTA2NjY2NjY2NjY2NjYx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0cnV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mZhbHNlLCJFbGFwc2VkVGltZUZvcm1hdCI6MiwiVG9kYXlNYXJrZXJQb3NpdGlvbiI6MiwiUXVpY2tQb3NpdGlvbiI6MiwiQWJzb2x1dGVQb3NpdGlvbiI6NDA1LjA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w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OC4wLCJIZWlnaHQiOjIw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wLCJTaGFwZVRoaWNrbmVzcyI6MS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OC0yNlQyMzo1O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dyIsIlR5cGUiOjF9LCJNaWRkbGVTY2FsZUxheWVyIjp7IiRpZCI6IjE4MSIsIkZvcm1hdCI6bnVsbCwiVHlwZSI6MH0sIkJvdHRvbVNjYWxlTGF5ZXIiOnsiJGlkIjoiMTgyIiwiRm9ybWF0IjpudWxsLCJUeXBlIjowfX19LCJNaWxlc3RvbmVzIjpbXSwiVGFza3MiOlt7IiRpZCI6IjE4MyIsIkdyb3VwTmFtZSI6bnVsbCwiU3RhcnREYXRlIjoiMjAyMi0wMy0xNFQwMDowMDowMFoiLCJFbmREYXRlIjoiMjAyMi0wMy0xOFQyMzo1OTowMFoiLCJQZXJjZW50YWdlQ29tcGxldGUiOm51bGw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GlkIjoiMTg3IiwiQ29sb3IiOnsiJGlkIjoiMT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GlkIjoiMjIwIiwiQ29sb3IiOnsiJGlkIjoiMj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pZCI6IjIyMiIsIkNvbG9yIjp7IiRpZCI6IjIyMyIsIkEiOjAsIlIiOjI1NSwiRyI6MjU1LCJCIjoyNTV9fSwiSXNWaXNpYmxlIjp0cnVlLCJXaWR0aCI6MC4wLCJIZWlnaHQiOjAuMCwiQm9yZGVyU3R5bGUiOnsiJGlkIjoiMjI0IiwiTGluZUNvbG9yIjpudWxsLCJMaW5lV2VpZ2h0IjowLjAsIkxpbmVUeXBlIjowLCJQYXJlbnRTdHlsZSI6bnVsbH0sIlBhcmVudFN0eWxlIjpudWxsfSwiRGF0ZUZvcm1hdCI6eyIkaWQiOiIy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IzMyIsIkxpbmVDb2xvciI6bnVsbCwiTGluZVdlaWdodCI6MC4wLCJMaW5lVHlwZSI6MCwiUGFyZW50U3R5bGUiOm51bGx9LCJQYXJlbnRTdHlsZSI6bnVsbH0sIkR1cmF0aW9uU3R5bGUiOnsiJGlkIjoiMjM0IiwiRm9udFNldHRpbmdzIjp7IiRpZCI6IjIzNSIsIkZvbnRTaXplIjoxMCwiRm9udE5hbWUiOiJDYWxpYnJpIiwiSXNCb2xkIjpmYWxzZSwiSXNJdGFsaWMiOmZhbHNlLCJJc1VuZGVybGluZWQiOmZhbHNlLCJQYXJlbnRTdHlsZSI6bnVsbH0sIkF1dG9TaXplIjowLCJGb3JlZ3JvdW5kIjp7IiRpZCI6IjIzNiIsIkNvbG9yIjp7IiRpZCI6IjIz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yNTMiLCJDb2xvciI6eyIkaWQiOiIyNTQiLCJBIjowLCJSIjoyNTUsIkciOjI1NSwiQiI6MjU1fX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GlkIjoiMjU4IiwiQ29sb3IiOnsiJGlkIjoiMjU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pZCI6IjI2MCIsIkNvbG9yIjp7IiRpZCI6IjI2MSIsIkEiOjAsIlIiOjI1NSwiRyI6MjU1LCJCIjoyNTV9fSwiSXNWaXNpYmxlIjp0cnVlLCJXaWR0aCI6MC4wLCJIZWlnaHQiOjAuMCwiQm9yZGVyU3R5bGUiOnsiJGlkIjoiMjYyIiwiTGluZUNvbG9yIjpudWxsLCJMaW5lV2VpZ2h0IjowLjAsIkxpbmVUeXBlIjowLCJQYXJlbnRTdHlsZSI6bnVsbH0sIlBhcmVudFN0eWxlIjpudWxsfSwiRGF0ZUZvcm1hdCI6eyIkaWQiOiIy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yNzEiLCJMaW5lQ29sb3IiOm51bGwsIkxpbmVXZWlnaHQiOjAuMCwiTGluZVR5cGUiOjAsIlBhcmVudFN0eWxlIjpudWxsfSwiUGFyZW50U3R5bGUiOm51bGx9LCJEdXJhdGlvblN0eWxlIjp7IiRpZCI6IjI3MiIsIkZvbnRTZXR0aW5ncyI6eyIkaWQiOiIyNzMiLCJGb250U2l6ZSI6MTAsIkZvbnROYW1lIjoiQ2FsaWJyaSIsIklzQm9sZCI6ZmFsc2UsIklzSXRhbGljIjpmYWxzZSwiSXNVbmRlcmxpbmVkIjpmYWxzZSwiUGFyZW50U3R5bGUiOm51bGx9LCJBdXRvU2l6ZSI6MCwiRm9yZWdyb3VuZCI6eyIkaWQiOiIyNzQiLCJDb2xvciI6eyIkaWQiOiIyNz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MwNiIsIkxpbmVDb2xvciI6bnVsbCwiTGluZVdlaWdodCI6MC4wLCJMaW5lVHlwZSI6MCwiUGFyZW50U3R5bGUiOm51bGx9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zQxIiwiTGluZUNvbG9yIjpudWxsLCJMaW5lV2VpZ2h0IjowLjAsIkxpbmVUeXBlIjowLCJQYXJlbnRTdHlsZSI6bnVsbH0sIlBhcmVudFN0eWxlIjpudWxsfSwiRHVyYXRpb25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zQ2IiwiQ29sb3IiOnsiJGlkIjoiMzQ3IiwiQSI6MCwiUiI6MjU1LCJHIjoyNTUsIkIiOjI1NX19LCJJc1Zpc2libGUiOnRydWUsIldpZHRoIjowLjAsIkhlaWdodCI6MC4wLCJCb3JkZXJTdHlsZSI6eyIkaWQiOiIzNDgiLCJMaW5lQ29sb3IiOm51bGwsIkxpbmVXZWlnaHQiOjAuMCwiTGluZVR5cGUiOjAsIlBhcmVudFN0eWxlIjpudWxsfSwiUGFyZW50U3R5bGUiOm51bGx9LCJIb3Jpem9udGFsQ29ubmVjdG9yU3R5bGUiOnsiJGlkIjoiMzQ5IiwiTGluZUNvbG9yIjp7IiRyZWYiOiIxMzIifSwiTGluZVdlaWdodCI6MS4wLCJMaW5lVHlwZSI6MCwiUGFyZW50U3R5bGUiOm51bGx9LCJWZXJ0aWNhbENvbm5lY3RvclN0eWxlIjp7IiRpZCI6IjM1MC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zNzQiLCJJbXBhT3B0aW9ucyI6eyIkaWQiOiIz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NzY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4T00:00:00.0000000Z"/>
  <p:tag name="OTLENDDATE" val="2022-03-18T23:59:00.0000000Z"/>
  <p:tag name="OTLDURATIONFORMAT" val="day"/>
  <p:tag name="OTLSPACING" val="5"/>
  <p:tag name="OTLSHAPETHICKNESSTYPE" val="Thin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8T00:00:00.0000000Z"/>
  <p:tag name="OTLENDDATE" val="2022-03-25T23:59:00.0000000Z"/>
  <p:tag name="OTLDURATIONFORMAT" val="day"/>
  <p:tag name="OTLSPACING" val="5"/>
  <p:tag name="OTLSHAPETHICKNESSTYPE" val="Regular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8T00:00:00.0000000Z"/>
  <p:tag name="OTLENDDATE" val="2022-04-01T23:59:00.0000000Z"/>
  <p:tag name="OTLDURATIONFORMAT" val="day"/>
  <p:tag name="OTLSPACING" val="5"/>
  <p:tag name="OTLSHAPETHICKNESSTYPE" val="Regular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3-29T23:59:00.0000000Z"/>
  <p:tag name="OTLDURATIONFORMAT" val="day"/>
  <p:tag name="OTLSPACING" val="5"/>
  <p:tag name="OTLSHAPETHICKNESSTYPE" val="Regular"/>
  <p:tag name="OTLSTARTDATE" val="2022-03-28T00:00:00.0000000Z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30T00:00:00.0000000Z"/>
  <p:tag name="OTLENDDATE" val="2022-04-07T23:59:00.0000000Z"/>
  <p:tag name="OTLDURATIONFORMAT" val="day"/>
  <p:tag name="OTLSPACING" val="5"/>
  <p:tag name="OTLSHAPETHICKNESSTYPE" val="Regular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Bottom"/>
  <p:tag name="OTLTIMEBANDENDDATE" val="2022-08-26T23:59:00.0000000"/>
  <p:tag name="OTLTIMEBANDSCALETYPE" val="Weeks"/>
  <p:tag name="OTLTIMEBANDSCALEFORMAT" val="w"/>
  <p:tag name="OTLLEFTENDCAPSMARGINLEFT" val="42.5066666666667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7a019f6c-b0e0-4e4c-a8bf-0404b70041b7"/>
    <ds:schemaRef ds:uri="3a44955a-9611-4e11-b394-5c7f996d2a5e"/>
    <ds:schemaRef ds:uri="http://schemas.microsoft.com/office/2006/metadata/properties"/>
    <ds:schemaRef ds:uri="http://www.w3.org/XML/1998/namespace"/>
    <ds:schemaRef ds:uri="http://schemas.microsoft.com/office/infopath/2007/PartnerControl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purl.org/dc/dcmitype/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7</Words>
  <Application>Microsoft Office PowerPoint</Application>
  <PresentationFormat>Widescreen</PresentationFormat>
  <Paragraphs>2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03-17T12:06:47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